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12" r:id="rId4"/>
  </p:sldMasterIdLst>
  <p:sldIdLst>
    <p:sldId id="257" r:id="rId5"/>
    <p:sldId id="258" r:id="rId6"/>
    <p:sldId id="259" r:id="rId7"/>
    <p:sldId id="261" r:id="rId8"/>
    <p:sldId id="262" r:id="rId9"/>
    <p:sldId id="263" r:id="rId10"/>
    <p:sldId id="264" r:id="rId11"/>
    <p:sldId id="265" r:id="rId12"/>
    <p:sldId id="266" r:id="rId13"/>
    <p:sldId id="267" r:id="rId14"/>
    <p:sldId id="260" r:id="rId15"/>
    <p:sldId id="271" r:id="rId16"/>
    <p:sldId id="268" r:id="rId17"/>
    <p:sldId id="269" r:id="rId18"/>
    <p:sldId id="270" r:id="rId19"/>
    <p:sldId id="272" r:id="rId20"/>
    <p:sldId id="274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19" autoAdjust="0"/>
  </p:normalViewPr>
  <p:slideViewPr>
    <p:cSldViewPr snapToGrid="0">
      <p:cViewPr varScale="1">
        <p:scale>
          <a:sx n="82" d="100"/>
          <a:sy n="82" d="100"/>
        </p:scale>
        <p:origin x="86" y="1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46534" y="3085764"/>
            <a:ext cx="11298932" cy="3338149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1475013"/>
          </a:xfrm>
          <a:effectLst/>
        </p:spPr>
        <p:txBody>
          <a:bodyPr anchor="b">
            <a:normAutofit/>
          </a:bodyPr>
          <a:lstStyle>
            <a:lvl1pPr>
              <a:defRPr sz="36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81194" y="2495445"/>
            <a:ext cx="10993546" cy="590321"/>
          </a:xfrm>
        </p:spPr>
        <p:txBody>
          <a:bodyPr anchor="t">
            <a:normAutofit/>
          </a:bodyPr>
          <a:lstStyle>
            <a:lvl1pPr marL="0" indent="0" algn="l">
              <a:buNone/>
              <a:defRPr sz="1600" cap="all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FA0ACE7-29A8-47D3-A7D9-257B711D80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291B17-9318-49DB-B28B-6E5994AE9581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EC604B9-52E9-4810-8359-47206518D0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898A89F-CA25-400F-B05A-AECBF2517E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00175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013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>
            <a:lvl1pPr algn="l">
              <a:defRPr/>
            </a:lvl1pPr>
            <a:lvl2pPr algn="l">
              <a:defRPr/>
            </a:lvl2pPr>
            <a:lvl3pPr algn="l">
              <a:defRPr/>
            </a:lvl3pPr>
            <a:lvl4pPr algn="l">
              <a:defRPr/>
            </a:lvl4pPr>
            <a:lvl5pPr algn="l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ED4963-E985-44C4-B8C4-FDD613B7C2F8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35911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8058151" y="599725"/>
            <a:ext cx="3687316" cy="5816950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204200" y="863600"/>
            <a:ext cx="3124200" cy="4807326"/>
          </a:xfrm>
        </p:spPr>
        <p:txBody>
          <a:bodyPr vert="eaVert" anchor="ctr"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4923" y="863600"/>
            <a:ext cx="7161625" cy="4807326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6423B97-A5D4-47B9-8861-73B3707A04CF}"/>
              </a:ext>
            </a:extLst>
          </p:cNvPr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AEC0421-37B4-4481-A10D-69FDF5EC7909}"/>
              </a:ext>
            </a:extLst>
          </p:cNvPr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F7265B5-9F97-4F1E-99E9-74F7B7E62337}"/>
              </a:ext>
            </a:extLst>
          </p:cNvPr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5C74A470-3BD3-4F33-80E5-67E6E87FCB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291B17-9318-49DB-B28B-6E5994AE9581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9A3A30BA-DB50-4D7D-BCDE-17D20FB354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76FF9E58-C0B2-436B-A21C-DB45A00D65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8496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18872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363448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70E6237-3456-439F-802D-3BA93FC7E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DD82B9-B8EE-4375-B6FF-88FA6ABB15D9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356D3B5-6063-4A89-B88F-9D3043916F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2B78BF7-69D3-4CE0-A631-50EFD41EEE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24434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>
            <a:spLocks noChangeAspect="1"/>
          </p:cNvSpPr>
          <p:nvPr/>
        </p:nvSpPr>
        <p:spPr>
          <a:xfrm>
            <a:off x="447817" y="5141974"/>
            <a:ext cx="11290860" cy="125882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2393950"/>
            <a:ext cx="11029615" cy="2147467"/>
          </a:xfrm>
        </p:spPr>
        <p:txBody>
          <a:bodyPr anchor="b">
            <a:normAutofit/>
          </a:bodyPr>
          <a:lstStyle>
            <a:lvl1pPr algn="l">
              <a:defRPr sz="3600" b="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4541417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1582016-5696-4A93-887F-BBB3B9002F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497495-0637-405E-AE64-5CC7506D51F5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57CFCD5-1192-4E18-8A8F-29E153B44D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E39A109E-5018-4794-92B3-FD5E5BCD95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6809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2228003"/>
            <a:ext cx="5194767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6039" y="2228003"/>
            <a:ext cx="5194769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FD690-9426-415D-8B65-26881E07B2D4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33232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1" y="2250891"/>
            <a:ext cx="5194769" cy="557784"/>
          </a:xfrm>
        </p:spPr>
        <p:txBody>
          <a:bodyPr anchor="ctr">
            <a:noAutofit/>
          </a:bodyPr>
          <a:lstStyle>
            <a:lvl1pPr marL="0" indent="0"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194766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6039" y="2250892"/>
            <a:ext cx="5194770" cy="553373"/>
          </a:xfrm>
        </p:spPr>
        <p:txBody>
          <a:bodyPr anchor="ctr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6037" y="2926052"/>
            <a:ext cx="5194771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4989A-474C-40DE-95B9-011C28B71673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80465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B4ED54-5B5E-4A04-93D3-5772E3CE3818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9363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DE50D6-574B-40AF-946F-D52A04ADE379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94949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>
            <a:spLocks noChangeAspect="1"/>
          </p:cNvSpPr>
          <p:nvPr/>
        </p:nvSpPr>
        <p:spPr>
          <a:xfrm>
            <a:off x="447817" y="601200"/>
            <a:ext cx="3682723" cy="5815475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857" y="933450"/>
            <a:ext cx="3031852" cy="1722419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00928" y="1179829"/>
            <a:ext cx="6650991" cy="4658216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7857" y="2836654"/>
            <a:ext cx="3031852" cy="3001392"/>
          </a:xfrm>
        </p:spPr>
        <p:txBody>
          <a:bodyPr anchor="t">
            <a:normAutofit/>
          </a:bodyPr>
          <a:lstStyle>
            <a:lvl1pPr marL="0" indent="0" algn="l">
              <a:buNone/>
              <a:defRPr sz="1600">
                <a:solidFill>
                  <a:srgbClr val="FFFFFF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B919CC2-2A65-446F-B538-9E624903544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05951" y="6456916"/>
            <a:ext cx="2844799" cy="365125"/>
          </a:xfrm>
        </p:spPr>
        <p:txBody>
          <a:bodyPr/>
          <a:lstStyle/>
          <a:p>
            <a:fld id="{D82884F1-FFEA-405F-9602-3DCA865EDA4E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72412AE-119E-4982-8B24-63365EFCA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81192" y="6452590"/>
            <a:ext cx="6917210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FC4BB19-6AD1-45CF-9F99-00B109890F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558300" y="6456916"/>
            <a:ext cx="1052510" cy="365125"/>
          </a:xfrm>
        </p:spPr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7666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693389"/>
            <a:ext cx="11029616" cy="566738"/>
          </a:xfr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641350"/>
            <a:ext cx="11290859" cy="3651249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260127"/>
            <a:ext cx="11029617" cy="998148"/>
          </a:xfrm>
        </p:spPr>
        <p:txBody>
          <a:bodyPr anchor="t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18DB4A-8810-4A10-AD5C-D5E2C667F5B3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32895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81192" y="705124"/>
            <a:ext cx="11029616" cy="118955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2336002"/>
            <a:ext cx="11029616" cy="36520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05951" y="6423914"/>
            <a:ext cx="28447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ED291B17-9318-49DB-B28B-6E5994AE9581}" type="datetime1">
              <a:rPr lang="en-US" smtClean="0"/>
              <a:t>3/23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81192" y="6423914"/>
            <a:ext cx="69172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58300" y="6423914"/>
            <a:ext cx="10525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0" name="Rectangle 9"/>
          <p:cNvSpPr/>
          <p:nvPr/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1" name="Rectangle 10"/>
          <p:cNvSpPr/>
          <p:nvPr/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000897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6" r:id="rId1"/>
    <p:sldLayoutId id="2147483757" r:id="rId2"/>
    <p:sldLayoutId id="2147483758" r:id="rId3"/>
    <p:sldLayoutId id="2147483759" r:id="rId4"/>
    <p:sldLayoutId id="2147483711" r:id="rId5"/>
    <p:sldLayoutId id="2147483760" r:id="rId6"/>
    <p:sldLayoutId id="2147483762" r:id="rId7"/>
    <p:sldLayoutId id="2147483706" r:id="rId8"/>
    <p:sldLayoutId id="2147483709" r:id="rId9"/>
    <p:sldLayoutId id="2147483707" r:id="rId10"/>
    <p:sldLayoutId id="2147483708" r:id="rId11"/>
  </p:sldLayoutIdLst>
  <p:hf sldNum="0" hdr="0" ftr="0" dt="0"/>
  <p:txStyles>
    <p:titleStyle>
      <a:lvl1pPr algn="l" defTabSz="457200" rtl="0" eaLnBrk="1" latinLnBrk="0" hangingPunct="1">
        <a:lnSpc>
          <a:spcPct val="100000"/>
        </a:lnSpc>
        <a:spcBef>
          <a:spcPct val="0"/>
        </a:spcBef>
        <a:buNone/>
        <a:defRPr sz="2800" b="0" kern="1200" cap="all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lnSpc>
          <a:spcPct val="110000"/>
        </a:lnSpc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7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3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1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1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8" name="Rectangle 17">
            <a:extLst>
              <a:ext uri="{FF2B5EF4-FFF2-40B4-BE49-F238E27FC236}">
                <a16:creationId xmlns:a16="http://schemas.microsoft.com/office/drawing/2014/main" id="{D6D7A0BC-0046-4CAA-8E7F-DCAFE511EA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C21E816-31F5-48BB-BD02-D15F2F18B48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1" y="1020431"/>
            <a:ext cx="10993549" cy="892345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E-Voting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35D6E6B-3353-491C-A3C6-F278D6CED8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85277" y="2464974"/>
            <a:ext cx="10993546" cy="468233"/>
          </a:xfrm>
        </p:spPr>
        <p:txBody>
          <a:bodyPr>
            <a:normAutofit/>
          </a:bodyPr>
          <a:lstStyle/>
          <a:p>
            <a:pPr algn="ctr"/>
            <a:r>
              <a:rPr lang="en-US" sz="2000" dirty="0"/>
              <a:t>  				By Yash (19DCE056) &amp; Tanmay(19DCE021)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7C6334F-6411-41EC-AD7D-179EDD8B58C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46534" y="457200"/>
            <a:ext cx="3703320" cy="94997"/>
          </a:xfrm>
          <a:prstGeom prst="rect">
            <a:avLst/>
          </a:prstGeom>
          <a:solidFill>
            <a:srgbClr val="465359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E6B02CEE-3AF8-4349-9B3E-8970E6DF62B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241830" y="457200"/>
            <a:ext cx="3703320" cy="9144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AAA01CF0-3FB5-44EB-B7DE-F2E86374C2F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042147" y="453643"/>
            <a:ext cx="3703320" cy="98554"/>
          </a:xfrm>
          <a:prstGeom prst="rect">
            <a:avLst/>
          </a:prstGeom>
          <a:solidFill>
            <a:srgbClr val="969FA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6" name="Picture 5" descr="abstract image">
            <a:extLst>
              <a:ext uri="{FF2B5EF4-FFF2-40B4-BE49-F238E27FC236}">
                <a16:creationId xmlns:a16="http://schemas.microsoft.com/office/drawing/2014/main" id="{F1A8C364-94D4-4630-BAD0-78722F347055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48733" y="3081867"/>
            <a:ext cx="11260667" cy="3310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580555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F48E29-750A-43C6-8B22-C1BF4B90C1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5179D3B-29DB-474C-8755-7EE031239F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551626"/>
          </a:xfrm>
        </p:spPr>
        <p:txBody>
          <a:bodyPr>
            <a:normAutofit/>
          </a:bodyPr>
          <a:lstStyle/>
          <a:p>
            <a:r>
              <a:rPr lang="en-US" sz="2000" b="1" dirty="0"/>
              <a:t>Front-End Technologies:</a:t>
            </a:r>
            <a:r>
              <a:rPr lang="en-US" sz="2000" dirty="0"/>
              <a:t> For Making Web pages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830C457-04B7-4DC8-81D4-8C5BAF6C1EA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3333" r="1679" b="32150"/>
          <a:stretch/>
        </p:blipFill>
        <p:spPr>
          <a:xfrm>
            <a:off x="3235861" y="3099691"/>
            <a:ext cx="5993975" cy="211683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4A14ECB-B398-4C84-A637-435BB4DDB5CB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855791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5AB77B9-2325-403A-936C-34A824B9657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225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0F962A8-5AE0-4A62-B78A-2764E08F163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77489" y="5225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400" b="1" spc="-26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0" name="OTLSHAPE_T_ae0607fce9c2435cbf274886c5d4e41b_HorizontalConnector1">
            <a:extLst>
              <a:ext uri="{FF2B5EF4-FFF2-40B4-BE49-F238E27FC236}">
                <a16:creationId xmlns:a16="http://schemas.microsoft.com/office/drawing/2014/main" id="{1668732C-5F83-45E3-9146-9E71BC79D6B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832567" y="3187700"/>
            <a:ext cx="2398432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f6e2cc6d46154ccca210c9b1cefe2170_HorizontalConnector1">
            <a:extLst>
              <a:ext uri="{FF2B5EF4-FFF2-40B4-BE49-F238E27FC236}">
                <a16:creationId xmlns:a16="http://schemas.microsoft.com/office/drawing/2014/main" id="{46F67461-0C32-403F-960E-B31F865D1AA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16567" y="3517900"/>
            <a:ext cx="3087413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31d9b94436e4c579acbf4c03fccf6ed_HorizontalConnector1">
            <a:extLst>
              <a:ext uri="{FF2B5EF4-FFF2-40B4-BE49-F238E27FC236}">
                <a16:creationId xmlns:a16="http://schemas.microsoft.com/office/drawing/2014/main" id="{BDEE3E3E-AEFB-4AF0-AB16-35A0E89BA95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18214" y="3848100"/>
            <a:ext cx="2593177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00ee26f9cff4988985e48d00559d626_HorizontalConnector1">
            <a:extLst>
              <a:ext uri="{FF2B5EF4-FFF2-40B4-BE49-F238E27FC236}">
                <a16:creationId xmlns:a16="http://schemas.microsoft.com/office/drawing/2014/main" id="{43DA1938-345A-492D-8A8E-05DA8909BA3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564807" y="4178300"/>
            <a:ext cx="4925501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02bcd643f8754a35a5bb19aab2ffd321_HorizontalConnector1">
            <a:extLst>
              <a:ext uri="{FF2B5EF4-FFF2-40B4-BE49-F238E27FC236}">
                <a16:creationId xmlns:a16="http://schemas.microsoft.com/office/drawing/2014/main" id="{FB0B481D-1F21-489D-91B3-B6ED8A809DA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466211" y="4508500"/>
            <a:ext cx="4896105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bd0d6eab6b654c499b9f5d4b09ea2ae5_HorizontalConnector1">
            <a:extLst>
              <a:ext uri="{FF2B5EF4-FFF2-40B4-BE49-F238E27FC236}">
                <a16:creationId xmlns:a16="http://schemas.microsoft.com/office/drawing/2014/main" id="{430DFD2C-CD16-4D66-B407-A8CB7ED0C72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43880" y="4838700"/>
            <a:ext cx="7832455" cy="0"/>
          </a:xfrm>
          <a:prstGeom prst="line">
            <a:avLst/>
          </a:prstGeom>
          <a:ln w="7620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1763AD1D-EFA4-4081-BDCD-04D1E35B22E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41511" y="5143500"/>
            <a:ext cx="10718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546A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EF893B-E875-4DD4-A2E1-88DF9299232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41511" y="5143500"/>
            <a:ext cx="73660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70C2DC86-2905-40D8-86FD-D578E4267C0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049881" y="5524500"/>
            <a:ext cx="114300" cy="127000"/>
          </a:xfrm>
          <a:prstGeom prst="triangle">
            <a:avLst/>
          </a:prstGeom>
          <a:solidFill>
            <a:srgbClr val="FF0000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3056DE7-D907-4C08-9499-F75F6228231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924181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D3EDEE4-5D97-47D5-BCEE-29E4621B355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70111" y="524097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1095446-E151-4B78-9E68-8712A86FC5A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651295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16BFD5D-0663-47AE-B9E5-B002BD27F8D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073011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EC31BFAC-93DC-4B60-B9BC-495AD2BCE88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54195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F4D257B-C2EC-4592-8A56-C6B59340E9A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87795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E7B1662-9BF9-43AC-8118-C19F19B6F82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09510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03DE7B19-F822-4EB4-B021-6141857EFBC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690694" y="5181600"/>
            <a:ext cx="0" cy="304800"/>
          </a:xfrm>
          <a:prstGeom prst="line">
            <a:avLst/>
          </a:prstGeom>
          <a:ln w="7620" cap="rnd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T_9c4f35ff857f4b13b952288e1a717b7f_Shape">
            <a:extLst>
              <a:ext uri="{FF2B5EF4-FFF2-40B4-BE49-F238E27FC236}">
                <a16:creationId xmlns:a16="http://schemas.microsoft.com/office/drawing/2014/main" id="{8E5C1578-EED4-4961-8910-A65DACBF8E2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558605" y="2517113"/>
            <a:ext cx="1155700" cy="286962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8" name="OTLSHAPE_T_ae0607fce9c2435cbf274886c5d4e41b_Shape">
            <a:extLst>
              <a:ext uri="{FF2B5EF4-FFF2-40B4-BE49-F238E27FC236}">
                <a16:creationId xmlns:a16="http://schemas.microsoft.com/office/drawing/2014/main" id="{073FE60C-05F3-4E82-A72D-55ED94A6902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625673" y="3086100"/>
            <a:ext cx="2667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0" name="OTLSHAPE_T_f6e2cc6d46154ccca210c9b1cefe2170_Shape">
            <a:extLst>
              <a:ext uri="{FF2B5EF4-FFF2-40B4-BE49-F238E27FC236}">
                <a16:creationId xmlns:a16="http://schemas.microsoft.com/office/drawing/2014/main" id="{0EDDB6E0-9501-4445-AC09-E909023799A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798653" y="3416300"/>
            <a:ext cx="14732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2" name="OTLSHAPE_T_a31d9b94436e4c579acbf4c03fccf6ed_Shape">
            <a:extLst>
              <a:ext uri="{FF2B5EF4-FFF2-40B4-BE49-F238E27FC236}">
                <a16:creationId xmlns:a16="http://schemas.microsoft.com/office/drawing/2014/main" id="{E7424637-D52E-4B71-95CB-ECD19CD0A7C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268980" y="3746500"/>
            <a:ext cx="5207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4" name="OTLSHAPE_T_a00ee26f9cff4988985e48d00559d626_Shape">
            <a:extLst>
              <a:ext uri="{FF2B5EF4-FFF2-40B4-BE49-F238E27FC236}">
                <a16:creationId xmlns:a16="http://schemas.microsoft.com/office/drawing/2014/main" id="{5F2727BB-BAB3-4C39-88B1-01725C0F2FF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912287" y="4076700"/>
            <a:ext cx="7874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6" name="OTLSHAPE_T_02bcd643f8754a35a5bb19aab2ffd321_Shape">
            <a:extLst>
              <a:ext uri="{FF2B5EF4-FFF2-40B4-BE49-F238E27FC236}">
                <a16:creationId xmlns:a16="http://schemas.microsoft.com/office/drawing/2014/main" id="{08AE86DC-D2E6-491D-AA7F-0B8389B74B9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690695" y="4406900"/>
            <a:ext cx="8763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8" name="OTLSHAPE_T_bd0d6eab6b654c499b9f5d4b09ea2ae5_Shape">
            <a:extLst>
              <a:ext uri="{FF2B5EF4-FFF2-40B4-BE49-F238E27FC236}">
                <a16:creationId xmlns:a16="http://schemas.microsoft.com/office/drawing/2014/main" id="{4F93558F-0406-4F16-8B36-8A0727EEC00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469104" y="4737100"/>
            <a:ext cx="609600" cy="203200"/>
          </a:xfrm>
          <a:prstGeom prst="homePlate">
            <a:avLst/>
          </a:prstGeom>
          <a:solidFill>
            <a:srgbClr val="5B9BD5"/>
          </a:solidFill>
          <a:ln w="2222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222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7" name="OTLSHAPE_T_9c4f35ff857f4b13b952288e1a717b7f_ShapePercentage" hidden="1">
            <a:extLst>
              <a:ext uri="{FF2B5EF4-FFF2-40B4-BE49-F238E27FC236}">
                <a16:creationId xmlns:a16="http://schemas.microsoft.com/office/drawing/2014/main" id="{87C64C38-F3D8-4DD9-8700-F9023CF96AA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9" name="OTLSHAPE_T_ae0607fce9c2435cbf274886c5d4e41b_ShapePercentage" hidden="1">
            <a:extLst>
              <a:ext uri="{FF2B5EF4-FFF2-40B4-BE49-F238E27FC236}">
                <a16:creationId xmlns:a16="http://schemas.microsoft.com/office/drawing/2014/main" id="{F4CA3263-ADC7-4717-A252-DF2607A372C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1" name="OTLSHAPE_T_f6e2cc6d46154ccca210c9b1cefe2170_ShapePercentage" hidden="1">
            <a:extLst>
              <a:ext uri="{FF2B5EF4-FFF2-40B4-BE49-F238E27FC236}">
                <a16:creationId xmlns:a16="http://schemas.microsoft.com/office/drawing/2014/main" id="{B736AE8C-0439-4225-A755-84FEB428575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3" name="OTLSHAPE_T_a31d9b94436e4c579acbf4c03fccf6ed_ShapePercentage" hidden="1">
            <a:extLst>
              <a:ext uri="{FF2B5EF4-FFF2-40B4-BE49-F238E27FC236}">
                <a16:creationId xmlns:a16="http://schemas.microsoft.com/office/drawing/2014/main" id="{11A57499-3CBC-4FF2-BFB9-5683E3D6881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5" name="OTLSHAPE_T_a00ee26f9cff4988985e48d00559d626_ShapePercentage" hidden="1">
            <a:extLst>
              <a:ext uri="{FF2B5EF4-FFF2-40B4-BE49-F238E27FC236}">
                <a16:creationId xmlns:a16="http://schemas.microsoft.com/office/drawing/2014/main" id="{C57FC5F3-DFC6-49AA-A2E7-E469B204503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7" name="OTLSHAPE_T_02bcd643f8754a35a5bb19aab2ffd321_ShapePercentage" hidden="1">
            <a:extLst>
              <a:ext uri="{FF2B5EF4-FFF2-40B4-BE49-F238E27FC236}">
                <a16:creationId xmlns:a16="http://schemas.microsoft.com/office/drawing/2014/main" id="{AECB7569-A3DD-4EDA-8D1A-AC8858FF537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9" name="OTLSHAPE_T_bd0d6eab6b654c499b9f5d4b09ea2ae5_ShapePercentage" hidden="1">
            <a:extLst>
              <a:ext uri="{FF2B5EF4-FFF2-40B4-BE49-F238E27FC236}">
                <a16:creationId xmlns:a16="http://schemas.microsoft.com/office/drawing/2014/main" id="{C12FA111-B1DE-4282-BC36-83C39C97BE1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8" name="OTLSHAPE_T_9c4f35ff857f4b13b952288e1a717b7f_TextPercentage" hidden="1">
            <a:extLst>
              <a:ext uri="{FF2B5EF4-FFF2-40B4-BE49-F238E27FC236}">
                <a16:creationId xmlns:a16="http://schemas.microsoft.com/office/drawing/2014/main" id="{BF6F292F-F5DE-48CC-B774-4A4C2D3BD91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29" name="OTLSHAPE_T_9c4f35ff857f4b13b952288e1a717b7f_JoinedDate">
            <a:extLst>
              <a:ext uri="{FF2B5EF4-FFF2-40B4-BE49-F238E27FC236}">
                <a16:creationId xmlns:a16="http://schemas.microsoft.com/office/drawing/2014/main" id="{E4205891-F935-44FB-81C5-0636232FC98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762903" y="258308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Jan 31 - Feb 13</a:t>
            </a:r>
          </a:p>
        </p:txBody>
      </p:sp>
      <p:sp>
        <p:nvSpPr>
          <p:cNvPr id="30" name="OTLSHAPE_T_9c4f35ff857f4b13b952288e1a717b7f_StartDate" hidden="1">
            <a:extLst>
              <a:ext uri="{FF2B5EF4-FFF2-40B4-BE49-F238E27FC236}">
                <a16:creationId xmlns:a16="http://schemas.microsoft.com/office/drawing/2014/main" id="{8E736088-74B4-48D3-882D-C4C1AAC5B29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365975" y="21509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31" name="OTLSHAPE_T_9c4f35ff857f4b13b952288e1a717b7f_Duration">
            <a:extLst>
              <a:ext uri="{FF2B5EF4-FFF2-40B4-BE49-F238E27FC236}">
                <a16:creationId xmlns:a16="http://schemas.microsoft.com/office/drawing/2014/main" id="{21D0BCA6-8441-4607-870E-857D7D4D4EF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941044" y="25830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2" name="OTLSHAPE_T_9c4f35ff857f4b13b952288e1a717b7f_EndDate" hidden="1">
            <a:extLst>
              <a:ext uri="{FF2B5EF4-FFF2-40B4-BE49-F238E27FC236}">
                <a16:creationId xmlns:a16="http://schemas.microsoft.com/office/drawing/2014/main" id="{C05915D2-833B-4427-A04F-5834320B030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762903" y="215097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3</a:t>
            </a:r>
          </a:p>
        </p:txBody>
      </p:sp>
      <p:sp>
        <p:nvSpPr>
          <p:cNvPr id="33" name="OTLSHAPE_T_9c4f35ff857f4b13b952288e1a717b7f_Title">
            <a:extLst>
              <a:ext uri="{FF2B5EF4-FFF2-40B4-BE49-F238E27FC236}">
                <a16:creationId xmlns:a16="http://schemas.microsoft.com/office/drawing/2014/main" id="{915AEB85-20DD-4CF9-AE54-B32A14B3FC0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95949" y="2572964"/>
            <a:ext cx="2921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>
                <a:solidFill>
                  <a:schemeClr val="dk1"/>
                </a:solidFill>
                <a:latin typeface="Times New Roman" panose="02020603050405020304" pitchFamily="18" charset="0"/>
              </a:rPr>
              <a:t>Learning About how the election process works</a:t>
            </a:r>
            <a:endParaRPr lang="en-IN" sz="1200" spc="-4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36" name="OTLSHAPE_T_ae0607fce9c2435cbf274886c5d4e41b_TextPercentage" hidden="1">
            <a:extLst>
              <a:ext uri="{FF2B5EF4-FFF2-40B4-BE49-F238E27FC236}">
                <a16:creationId xmlns:a16="http://schemas.microsoft.com/office/drawing/2014/main" id="{4477EDA4-5F7F-4E4C-9020-5A51C9EC4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37" name="OTLSHAPE_T_ae0607fce9c2435cbf274886c5d4e41b_JoinedDate" hidden="1">
            <a:extLst>
              <a:ext uri="{FF2B5EF4-FFF2-40B4-BE49-F238E27FC236}">
                <a16:creationId xmlns:a16="http://schemas.microsoft.com/office/drawing/2014/main" id="{BD1AA282-EA25-4F30-BAC3-86E502B600D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38" name="OTLSHAPE_T_ae0607fce9c2435cbf274886c5d4e41b_StartDate">
            <a:extLst>
              <a:ext uri="{FF2B5EF4-FFF2-40B4-BE49-F238E27FC236}">
                <a16:creationId xmlns:a16="http://schemas.microsoft.com/office/drawing/2014/main" id="{3A8C325F-8AF8-45FC-B920-D8BC4E8F2BF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231000" y="31101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3</a:t>
            </a:r>
          </a:p>
        </p:txBody>
      </p:sp>
      <p:sp>
        <p:nvSpPr>
          <p:cNvPr id="39" name="OTLSHAPE_T_ae0607fce9c2435cbf274886c5d4e41b_Duration">
            <a:extLst>
              <a:ext uri="{FF2B5EF4-FFF2-40B4-BE49-F238E27FC236}">
                <a16:creationId xmlns:a16="http://schemas.microsoft.com/office/drawing/2014/main" id="{60169BA8-2D41-45B6-B47D-D2E3A53D545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625673" y="2931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0" name="OTLSHAPE_T_ae0607fce9c2435cbf274886c5d4e41b_EndDate">
            <a:extLst>
              <a:ext uri="{FF2B5EF4-FFF2-40B4-BE49-F238E27FC236}">
                <a16:creationId xmlns:a16="http://schemas.microsoft.com/office/drawing/2014/main" id="{9EF40DB9-B1CA-4F32-9F95-7EABD14AE81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932219" y="31101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41" name="OTLSHAPE_T_ae0607fce9c2435cbf274886c5d4e41b_Title">
            <a:extLst>
              <a:ext uri="{FF2B5EF4-FFF2-40B4-BE49-F238E27FC236}">
                <a16:creationId xmlns:a16="http://schemas.microsoft.com/office/drawing/2014/main" id="{D3C23176-62D2-4BD1-85AF-09D6CC8EC6A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0" y="3100070"/>
            <a:ext cx="17145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 dirty="0">
                <a:solidFill>
                  <a:schemeClr val="dk1"/>
                </a:solidFill>
                <a:latin typeface="Times New Roman" panose="02020603050405020304" pitchFamily="18" charset="0"/>
              </a:rPr>
              <a:t>Start Coding (stater project)</a:t>
            </a:r>
          </a:p>
        </p:txBody>
      </p:sp>
      <p:sp>
        <p:nvSpPr>
          <p:cNvPr id="44" name="OTLSHAPE_T_f6e2cc6d46154ccca210c9b1cefe2170_TextPercentage" hidden="1">
            <a:extLst>
              <a:ext uri="{FF2B5EF4-FFF2-40B4-BE49-F238E27FC236}">
                <a16:creationId xmlns:a16="http://schemas.microsoft.com/office/drawing/2014/main" id="{C8EBB782-12EA-4E6F-84C0-7F240EB615C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45" name="OTLSHAPE_T_f6e2cc6d46154ccca210c9b1cefe2170_JoinedDate" hidden="1">
            <a:extLst>
              <a:ext uri="{FF2B5EF4-FFF2-40B4-BE49-F238E27FC236}">
                <a16:creationId xmlns:a16="http://schemas.microsoft.com/office/drawing/2014/main" id="{C056A3C5-FAA8-4FE8-A302-AD27B397EC6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46" name="OTLSHAPE_T_f6e2cc6d46154ccca210c9b1cefe2170_StartDate">
            <a:extLst>
              <a:ext uri="{FF2B5EF4-FFF2-40B4-BE49-F238E27FC236}">
                <a16:creationId xmlns:a16="http://schemas.microsoft.com/office/drawing/2014/main" id="{E75D9BAB-0531-46A4-B0B2-266C38745FF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403979" y="344038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47" name="OTLSHAPE_T_f6e2cc6d46154ccca210c9b1cefe2170_EndDate">
            <a:extLst>
              <a:ext uri="{FF2B5EF4-FFF2-40B4-BE49-F238E27FC236}">
                <a16:creationId xmlns:a16="http://schemas.microsoft.com/office/drawing/2014/main" id="{78F16FC5-2727-44C8-8E8B-C618178C840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19720" y="34403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3</a:t>
            </a:r>
          </a:p>
        </p:txBody>
      </p:sp>
      <p:sp>
        <p:nvSpPr>
          <p:cNvPr id="48" name="OTLSHAPE_T_f6e2cc6d46154ccca210c9b1cefe2170_Duration">
            <a:extLst>
              <a:ext uri="{FF2B5EF4-FFF2-40B4-BE49-F238E27FC236}">
                <a16:creationId xmlns:a16="http://schemas.microsoft.com/office/drawing/2014/main" id="{4AAE0E61-E10A-4A0B-BAC1-07010BFFF02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339476" y="34403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49" name="OTLSHAPE_T_f6e2cc6d46154ccca210c9b1cefe2170_Title">
            <a:extLst>
              <a:ext uri="{FF2B5EF4-FFF2-40B4-BE49-F238E27FC236}">
                <a16:creationId xmlns:a16="http://schemas.microsoft.com/office/drawing/2014/main" id="{28532A28-09BA-486C-9AC2-CF3CF4780C1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0" y="3430270"/>
            <a:ext cx="1193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6" dirty="0">
                <a:solidFill>
                  <a:schemeClr val="dk1"/>
                </a:solidFill>
                <a:latin typeface="Times New Roman" panose="02020603050405020304" pitchFamily="18" charset="0"/>
              </a:rPr>
              <a:t>Front - End Coding</a:t>
            </a:r>
          </a:p>
        </p:txBody>
      </p:sp>
      <p:sp>
        <p:nvSpPr>
          <p:cNvPr id="52" name="OTLSHAPE_T_a31d9b94436e4c579acbf4c03fccf6ed_TextPercentage" hidden="1">
            <a:extLst>
              <a:ext uri="{FF2B5EF4-FFF2-40B4-BE49-F238E27FC236}">
                <a16:creationId xmlns:a16="http://schemas.microsoft.com/office/drawing/2014/main" id="{DE4DAF89-1A5C-4CFA-80B4-BBBAA30E795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53" name="OTLSHAPE_T_a31d9b94436e4c579acbf4c03fccf6ed_JoinedDate" hidden="1">
            <a:extLst>
              <a:ext uri="{FF2B5EF4-FFF2-40B4-BE49-F238E27FC236}">
                <a16:creationId xmlns:a16="http://schemas.microsoft.com/office/drawing/2014/main" id="{DB85DFFE-4BEF-4940-98EB-AD051A26D38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54" name="OTLSHAPE_T_a31d9b94436e4c579acbf4c03fccf6ed_StartDate">
            <a:extLst>
              <a:ext uri="{FF2B5EF4-FFF2-40B4-BE49-F238E27FC236}">
                <a16:creationId xmlns:a16="http://schemas.microsoft.com/office/drawing/2014/main" id="{C14EBBCC-F59B-4C2C-8E2C-A121D73FC08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911390" y="37705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4</a:t>
            </a:r>
          </a:p>
        </p:txBody>
      </p:sp>
      <p:sp>
        <p:nvSpPr>
          <p:cNvPr id="55" name="OTLSHAPE_T_a31d9b94436e4c579acbf4c03fccf6ed_EndDate">
            <a:extLst>
              <a:ext uri="{FF2B5EF4-FFF2-40B4-BE49-F238E27FC236}">
                <a16:creationId xmlns:a16="http://schemas.microsoft.com/office/drawing/2014/main" id="{2A9864D7-AB11-4F20-AC83-74C8D28ECFF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838659" y="37705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9</a:t>
            </a:r>
          </a:p>
        </p:txBody>
      </p:sp>
      <p:sp>
        <p:nvSpPr>
          <p:cNvPr id="56" name="OTLSHAPE_T_a31d9b94436e4c579acbf4c03fccf6ed_Duration">
            <a:extLst>
              <a:ext uri="{FF2B5EF4-FFF2-40B4-BE49-F238E27FC236}">
                <a16:creationId xmlns:a16="http://schemas.microsoft.com/office/drawing/2014/main" id="{233AD69D-0E4F-49A2-A5FC-5C81E84D080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66304" y="37705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7" name="OTLSHAPE_T_a31d9b94436e4c579acbf4c03fccf6ed_Title">
            <a:extLst>
              <a:ext uri="{FF2B5EF4-FFF2-40B4-BE49-F238E27FC236}">
                <a16:creationId xmlns:a16="http://schemas.microsoft.com/office/drawing/2014/main" id="{C92FB188-3ABA-42DE-A78E-C2AED676E56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3760470"/>
            <a:ext cx="3200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Times New Roman" panose="02020603050405020304" pitchFamily="18" charset="0"/>
              </a:rPr>
              <a:t>Back - End Coding (Part -1) (Account Based Login)</a:t>
            </a:r>
            <a:endParaRPr lang="en-IN" sz="1200" spc="-4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0" name="OTLSHAPE_T_a00ee26f9cff4988985e48d00559d626_TextPercentage" hidden="1">
            <a:extLst>
              <a:ext uri="{FF2B5EF4-FFF2-40B4-BE49-F238E27FC236}">
                <a16:creationId xmlns:a16="http://schemas.microsoft.com/office/drawing/2014/main" id="{0A6F8F54-A112-439E-8FD0-7E5943A841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1" name="OTLSHAPE_T_a00ee26f9cff4988985e48d00559d626_JoinedDate" hidden="1">
            <a:extLst>
              <a:ext uri="{FF2B5EF4-FFF2-40B4-BE49-F238E27FC236}">
                <a16:creationId xmlns:a16="http://schemas.microsoft.com/office/drawing/2014/main" id="{8A554E1A-E9F7-4F61-9341-2E0257CEAB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2" name="OTLSHAPE_T_a00ee26f9cff4988985e48d00559d626_StartDate">
            <a:extLst>
              <a:ext uri="{FF2B5EF4-FFF2-40B4-BE49-F238E27FC236}">
                <a16:creationId xmlns:a16="http://schemas.microsoft.com/office/drawing/2014/main" id="{6DF7ADA8-C81B-4472-860D-8C2ABDBA9D4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490308" y="410078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23</a:t>
            </a:r>
          </a:p>
        </p:txBody>
      </p:sp>
      <p:sp>
        <p:nvSpPr>
          <p:cNvPr id="63" name="OTLSHAPE_T_a00ee26f9cff4988985e48d00559d626_EndDate">
            <a:extLst>
              <a:ext uri="{FF2B5EF4-FFF2-40B4-BE49-F238E27FC236}">
                <a16:creationId xmlns:a16="http://schemas.microsoft.com/office/drawing/2014/main" id="{3AD39183-2B0A-407F-9555-63A0E076DB5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741435" y="410078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4">
                <a:solidFill>
                  <a:schemeClr val="dk1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64" name="OTLSHAPE_T_a00ee26f9cff4988985e48d00559d626_Duration">
            <a:extLst>
              <a:ext uri="{FF2B5EF4-FFF2-40B4-BE49-F238E27FC236}">
                <a16:creationId xmlns:a16="http://schemas.microsoft.com/office/drawing/2014/main" id="{C3AEBB46-E5DD-443E-ACA4-C3CDBEC48BD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139346" y="4100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65" name="OTLSHAPE_T_a00ee26f9cff4988985e48d00559d626_Title">
            <a:extLst>
              <a:ext uri="{FF2B5EF4-FFF2-40B4-BE49-F238E27FC236}">
                <a16:creationId xmlns:a16="http://schemas.microsoft.com/office/drawing/2014/main" id="{01E405E1-3601-4495-82A7-A7338BA2A44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4090670"/>
            <a:ext cx="2438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1"/>
                </a:solidFill>
                <a:latin typeface="Times New Roman" panose="02020603050405020304" pitchFamily="18" charset="0"/>
              </a:rPr>
              <a:t>Learning About How an election is held</a:t>
            </a:r>
            <a:endParaRPr lang="en-IN" sz="1200" spc="-4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68" name="OTLSHAPE_T_02bcd643f8754a35a5bb19aab2ffd321_TextPercentage" hidden="1">
            <a:extLst>
              <a:ext uri="{FF2B5EF4-FFF2-40B4-BE49-F238E27FC236}">
                <a16:creationId xmlns:a16="http://schemas.microsoft.com/office/drawing/2014/main" id="{220F5BE1-043A-4F9B-A3AA-771CC2E55F6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69" name="OTLSHAPE_T_02bcd643f8754a35a5bb19aab2ffd321_JoinedDate" hidden="1">
            <a:extLst>
              <a:ext uri="{FF2B5EF4-FFF2-40B4-BE49-F238E27FC236}">
                <a16:creationId xmlns:a16="http://schemas.microsoft.com/office/drawing/2014/main" id="{E1F97749-8FB7-47EB-BE89-780714284F3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0" name="OTLSHAPE_T_02bcd643f8754a35a5bb19aab2ffd321_StartDate">
            <a:extLst>
              <a:ext uri="{FF2B5EF4-FFF2-40B4-BE49-F238E27FC236}">
                <a16:creationId xmlns:a16="http://schemas.microsoft.com/office/drawing/2014/main" id="{1F3D1966-ABFD-4456-BBAB-7E88C586B11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362316" y="44309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71" name="OTLSHAPE_T_02bcd643f8754a35a5bb19aab2ffd321_EndDate">
            <a:extLst>
              <a:ext uri="{FF2B5EF4-FFF2-40B4-BE49-F238E27FC236}">
                <a16:creationId xmlns:a16="http://schemas.microsoft.com/office/drawing/2014/main" id="{B08A2B4E-0DAC-4B41-A51C-CD3D14C85DA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606334" y="44309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72" name="OTLSHAPE_T_02bcd643f8754a35a5bb19aab2ffd321_Duration">
            <a:extLst>
              <a:ext uri="{FF2B5EF4-FFF2-40B4-BE49-F238E27FC236}">
                <a16:creationId xmlns:a16="http://schemas.microsoft.com/office/drawing/2014/main" id="{FE95EB99-A1E8-4F07-A657-A2443AB0DED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60999" y="4430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73" name="OTLSHAPE_T_02bcd643f8754a35a5bb19aab2ffd321_Title">
            <a:extLst>
              <a:ext uri="{FF2B5EF4-FFF2-40B4-BE49-F238E27FC236}">
                <a16:creationId xmlns:a16="http://schemas.microsoft.com/office/drawing/2014/main" id="{EE1DAA0F-222F-4818-A74D-F3CB06C2E23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4420870"/>
            <a:ext cx="3340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Times New Roman" panose="02020603050405020304" pitchFamily="18" charset="0"/>
              </a:rPr>
              <a:t>Back - End Coding (Part -2) (Held an Election Online)</a:t>
            </a:r>
            <a:endParaRPr lang="en-IN" sz="1200" spc="-4" dirty="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76" name="OTLSHAPE_T_bd0d6eab6b654c499b9f5d4b09ea2ae5_TextPercentage" hidden="1">
            <a:extLst>
              <a:ext uri="{FF2B5EF4-FFF2-40B4-BE49-F238E27FC236}">
                <a16:creationId xmlns:a16="http://schemas.microsoft.com/office/drawing/2014/main" id="{552717AC-A9CB-4F4B-956E-581E7324761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7" name="OTLSHAPE_T_bd0d6eab6b654c499b9f5d4b09ea2ae5_JoinedDate" hidden="1">
            <a:extLst>
              <a:ext uri="{FF2B5EF4-FFF2-40B4-BE49-F238E27FC236}">
                <a16:creationId xmlns:a16="http://schemas.microsoft.com/office/drawing/2014/main" id="{E1824F78-41B0-47F6-8C96-3E65D1FE5E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/>
          </a:p>
        </p:txBody>
      </p:sp>
      <p:sp>
        <p:nvSpPr>
          <p:cNvPr id="78" name="OTLSHAPE_T_bd0d6eab6b654c499b9f5d4b09ea2ae5_StartDate">
            <a:extLst>
              <a:ext uri="{FF2B5EF4-FFF2-40B4-BE49-F238E27FC236}">
                <a16:creationId xmlns:a16="http://schemas.microsoft.com/office/drawing/2014/main" id="{EB32A191-9A9A-47FB-AE80-5A0883FFF4F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076335" y="47611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79" name="OTLSHAPE_T_bd0d6eab6b654c499b9f5d4b09ea2ae5_EndDate">
            <a:extLst>
              <a:ext uri="{FF2B5EF4-FFF2-40B4-BE49-F238E27FC236}">
                <a16:creationId xmlns:a16="http://schemas.microsoft.com/office/drawing/2014/main" id="{B9732D94-734F-4126-9DFF-04866C0E3A9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25273" y="47611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6">
                <a:solidFill>
                  <a:schemeClr val="dk1"/>
                </a:solidFill>
                <a:latin typeface="Calibri" panose="020F0502020204030204" pitchFamily="34" charset="0"/>
              </a:rPr>
              <a:t>Apr 16</a:t>
            </a:r>
          </a:p>
        </p:txBody>
      </p:sp>
      <p:sp>
        <p:nvSpPr>
          <p:cNvPr id="80" name="OTLSHAPE_T_bd0d6eab6b654c499b9f5d4b09ea2ae5_Duration">
            <a:extLst>
              <a:ext uri="{FF2B5EF4-FFF2-40B4-BE49-F238E27FC236}">
                <a16:creationId xmlns:a16="http://schemas.microsoft.com/office/drawing/2014/main" id="{A9F608B1-8D20-4BB4-BAA3-F769B3AE77D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609673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81" name="OTLSHAPE_T_bd0d6eab6b654c499b9f5d4b09ea2ae5_Title">
            <a:extLst>
              <a:ext uri="{FF2B5EF4-FFF2-40B4-BE49-F238E27FC236}">
                <a16:creationId xmlns:a16="http://schemas.microsoft.com/office/drawing/2014/main" id="{38633758-C667-4CDB-9027-3AC0639536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0" y="4751070"/>
            <a:ext cx="11176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200" spc="-8">
                <a:solidFill>
                  <a:schemeClr val="dk1"/>
                </a:solidFill>
                <a:latin typeface="Times New Roman" panose="02020603050405020304" pitchFamily="18" charset="0"/>
              </a:rPr>
              <a:t>Finsihing Touches</a:t>
            </a:r>
            <a:endParaRPr lang="en-IN" sz="1200" spc="-8" dirty="0">
              <a:solidFill>
                <a:schemeClr val="dk1"/>
              </a:solidFill>
              <a:latin typeface="Times New Roman" panose="02020603050405020304" pitchFamily="18" charset="0"/>
            </a:endParaRP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E5D7CF2E-9596-46B6-B2E3-5FFFF3765612}"/>
              </a:ext>
            </a:extLst>
          </p:cNvPr>
          <p:cNvSpPr txBox="1">
            <a:spLocks/>
          </p:cNvSpPr>
          <p:nvPr/>
        </p:nvSpPr>
        <p:spPr>
          <a:xfrm>
            <a:off x="581192" y="702156"/>
            <a:ext cx="11029616" cy="1188720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algn="ctr"/>
            <a:r>
              <a:rPr lang="en-US" dirty="0"/>
              <a:t>Project 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627463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EBB89A-C5E4-4505-B073-0E0CA49D4A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837395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E8440B0-69B6-4A2B-92F7-95D8D9DAB0C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81714" y="1996751"/>
            <a:ext cx="8028572" cy="44575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939542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8EDF32-112B-4AF9-B83E-76E41AE4CA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744089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B416A92-7E93-493B-AC85-A0D6AF90744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65176" y="1835771"/>
            <a:ext cx="8061648" cy="432007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428FE04-1402-4D02-9886-272983E2A7FF}"/>
              </a:ext>
            </a:extLst>
          </p:cNvPr>
          <p:cNvSpPr txBox="1"/>
          <p:nvPr/>
        </p:nvSpPr>
        <p:spPr>
          <a:xfrm>
            <a:off x="8238930" y="1349700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472963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6417AC-ECA5-4BF9-90CA-C2372F865E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697436"/>
          </a:xfrm>
        </p:spPr>
        <p:txBody>
          <a:bodyPr/>
          <a:lstStyle/>
          <a:p>
            <a:pPr algn="ctr"/>
            <a:r>
              <a:rPr lang="en-IN" dirty="0"/>
              <a:t>Prototypes For Front-En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71DC62C-CACC-4E11-89AC-33C1AEAC6A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6419" y="2312227"/>
            <a:ext cx="8939161" cy="4312508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413C678-6241-40BE-A419-7DE5ACCF428D}"/>
              </a:ext>
            </a:extLst>
          </p:cNvPr>
          <p:cNvSpPr txBox="1"/>
          <p:nvPr/>
        </p:nvSpPr>
        <p:spPr>
          <a:xfrm>
            <a:off x="7931020" y="1671243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899292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D64105-A3E8-465F-8640-BAACA9230F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Roles Of Each Group Member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9FB8A5-CB69-4353-A11F-951580F80F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b="1" dirty="0"/>
              <a:t>Yash</a:t>
            </a:r>
            <a:r>
              <a:rPr lang="en-US" sz="2000" dirty="0"/>
              <a:t> – Front-End, UI Design &amp; Concept Design, etc.</a:t>
            </a:r>
          </a:p>
          <a:p>
            <a:r>
              <a:rPr lang="en-US" sz="2000" b="1" dirty="0"/>
              <a:t>Tanmay</a:t>
            </a:r>
            <a:r>
              <a:rPr lang="en-US" sz="2000" dirty="0"/>
              <a:t> – Back-End, Database Management, Coding logic for voting, etc.</a:t>
            </a:r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19363337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F89B1A-55E6-4358-ADC6-8873AA1668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br>
              <a:rPr lang="en-US" dirty="0"/>
            </a:br>
            <a:r>
              <a:rPr lang="en-US" dirty="0"/>
              <a:t>Expected Outcome	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BDF386-099D-4682-839B-622C3D3FB30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endParaRPr lang="en-US" dirty="0"/>
          </a:p>
          <a:p>
            <a:endParaRPr lang="en-US" dirty="0"/>
          </a:p>
          <a:p>
            <a:r>
              <a:rPr lang="en-US" dirty="0"/>
              <a:t>For College Project Purposes: A Concept Website made for E-Voting.</a:t>
            </a:r>
          </a:p>
          <a:p>
            <a:endParaRPr lang="en-US" dirty="0"/>
          </a:p>
          <a:p>
            <a:r>
              <a:rPr lang="en-US" dirty="0"/>
              <a:t>For Us: </a:t>
            </a:r>
          </a:p>
          <a:p>
            <a:pPr marL="342900" indent="-342900">
              <a:buAutoNum type="arabicParenR"/>
            </a:pPr>
            <a:r>
              <a:rPr lang="en-US" dirty="0"/>
              <a:t>To Learn About Election Process, How an Election Is held, How counting is done, etc.</a:t>
            </a:r>
          </a:p>
          <a:p>
            <a:pPr marL="342900" indent="-342900">
              <a:buAutoNum type="arabicParenR"/>
            </a:pPr>
            <a:r>
              <a:rPr lang="en-US" dirty="0"/>
              <a:t>Getting Better at Coding with Django.</a:t>
            </a:r>
          </a:p>
          <a:p>
            <a:pPr marL="342900" indent="-342900">
              <a:buFont typeface="Wingdings 2" panose="05020102010507070707" pitchFamily="18" charset="2"/>
              <a:buAutoNum type="arabicParenR"/>
            </a:pPr>
            <a:r>
              <a:rPr lang="en-US" dirty="0"/>
              <a:t>Getting Better at Coding with Front-End Technologies.</a:t>
            </a:r>
          </a:p>
          <a:p>
            <a:pPr marL="342900" indent="-342900">
              <a:buFont typeface="Wingdings 2" panose="05020102010507070707" pitchFamily="18" charset="2"/>
              <a:buAutoNum type="arabicParenR"/>
            </a:pPr>
            <a:r>
              <a:rPr lang="en-US" dirty="0"/>
              <a:t>Hosting A Website.</a:t>
            </a:r>
          </a:p>
          <a:p>
            <a:pPr marL="342900" indent="-342900">
              <a:buAutoNum type="arabicParenR"/>
            </a:pPr>
            <a:endParaRPr lang="en-US" dirty="0"/>
          </a:p>
          <a:p>
            <a:pPr marL="342900" indent="-342900">
              <a:buAutoNum type="arabicParenR"/>
            </a:pPr>
            <a:endParaRPr lang="en-US" dirty="0"/>
          </a:p>
          <a:p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175898740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493FF-46AE-49D5-80E2-5EAD743C64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2698907"/>
            <a:ext cx="11029616" cy="1188720"/>
          </a:xfrm>
        </p:spPr>
        <p:txBody>
          <a:bodyPr/>
          <a:lstStyle/>
          <a:p>
            <a:pPr algn="ctr"/>
            <a:r>
              <a:rPr lang="en-US" dirty="0"/>
              <a:t>Thank You !</a:t>
            </a:r>
            <a:endParaRPr lang="en-IN" dirty="0"/>
          </a:p>
        </p:txBody>
      </p:sp>
    </p:spTree>
    <p:extLst>
      <p:ext uri="{BB962C8B-B14F-4D97-AF65-F5344CB8AC3E}">
        <p14:creationId xmlns:p14="http://schemas.microsoft.com/office/powerpoint/2010/main" val="418090924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562972-3449-42D1-8185-B4BEFD52AB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IN" dirty="0"/>
              <a:t>Problem statement</a:t>
            </a:r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087CD12-8A5D-47BD-8FCD-EF0A4229B9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2000" dirty="0"/>
              <a:t>To Make A Electronic Voting System.</a:t>
            </a:r>
          </a:p>
          <a:p>
            <a:pPr algn="ctr"/>
            <a:r>
              <a:rPr lang="en-US" sz="2000" dirty="0"/>
              <a:t>Goal: To save time, avoid corruption in some ways.</a:t>
            </a:r>
          </a:p>
          <a:p>
            <a:pPr algn="ctr"/>
            <a:r>
              <a:rPr lang="en-US" sz="2000" dirty="0"/>
              <a:t>Motivation: This Year I (Yash) got an idea to during election to make a E-voting System.</a:t>
            </a:r>
          </a:p>
        </p:txBody>
      </p:sp>
    </p:spTree>
    <p:extLst>
      <p:ext uri="{BB962C8B-B14F-4D97-AF65-F5344CB8AC3E}">
        <p14:creationId xmlns:p14="http://schemas.microsoft.com/office/powerpoint/2010/main" val="2637846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B90046-668B-49A5-AA19-768F236E79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General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37C2FE-3994-4092-8BDF-C1940943D2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3634" y="2911151"/>
            <a:ext cx="11029615" cy="2774950"/>
          </a:xfrm>
        </p:spPr>
        <p:txBody>
          <a:bodyPr>
            <a:normAutofit/>
          </a:bodyPr>
          <a:lstStyle/>
          <a:p>
            <a:r>
              <a:rPr lang="en-US" sz="2000" dirty="0"/>
              <a:t>For Voting, the general process is that people have to go to their ward’s held location to vote.</a:t>
            </a:r>
          </a:p>
          <a:p>
            <a:r>
              <a:rPr lang="en-US" sz="2000" dirty="0"/>
              <a:t>Stand in a long line there, &amp; finally vote.</a:t>
            </a:r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8994406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2EC7BC-D038-4481-B078-11149DC36E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General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B13173-3334-4425-BA7C-6BA95F20CD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Problems with this process: -</a:t>
            </a:r>
          </a:p>
          <a:p>
            <a:endParaRPr lang="en-US" sz="2000" dirty="0"/>
          </a:p>
          <a:p>
            <a:r>
              <a:rPr lang="en-US" sz="2000" dirty="0"/>
              <a:t>People have to be present in their ward location.</a:t>
            </a:r>
          </a:p>
          <a:p>
            <a:r>
              <a:rPr lang="en-US" sz="2000" dirty="0"/>
              <a:t>Distribution of voter slips won’t be required anymore, which saves a lot of man-power of Govt. Employees.</a:t>
            </a:r>
          </a:p>
          <a:p>
            <a:r>
              <a:rPr lang="en-US" sz="2000" dirty="0"/>
              <a:t>People Have to stand in a line to vote.</a:t>
            </a:r>
          </a:p>
          <a:p>
            <a:r>
              <a:rPr lang="en-US" sz="2000" dirty="0"/>
              <a:t>Checking in small villages/cities is not done properly in some places, so frauds can be committed.</a:t>
            </a:r>
            <a:endParaRPr lang="en-IN" sz="2000" dirty="0"/>
          </a:p>
          <a:p>
            <a:endParaRPr lang="en-IN" sz="18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195BE9A-C2E0-4EB7-BEF2-BC74D27EA610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20743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583326-D459-42E1-A2CB-586CEC8A74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Proposed Hypothesi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84E5CB-C0A4-485F-B354-123360F0D82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Our Conceptual system will solve these problems:</a:t>
            </a:r>
          </a:p>
          <a:p>
            <a:endParaRPr lang="en-US" sz="2000" dirty="0"/>
          </a:p>
          <a:p>
            <a:r>
              <a:rPr lang="en-US" sz="2000" dirty="0"/>
              <a:t>People Don’t have to be in their ward location.</a:t>
            </a:r>
          </a:p>
          <a:p>
            <a:r>
              <a:rPr lang="en-US" sz="2000" dirty="0"/>
              <a:t>People Won’t have to stand in lines.</a:t>
            </a:r>
          </a:p>
          <a:p>
            <a:r>
              <a:rPr lang="en-US" sz="2000" dirty="0"/>
              <a:t>No frauds can be committed.</a:t>
            </a:r>
          </a:p>
          <a:p>
            <a:r>
              <a:rPr lang="en-US" sz="2000" dirty="0"/>
              <a:t>No voter slip distribution is required.</a:t>
            </a:r>
          </a:p>
          <a:p>
            <a:endParaRPr lang="en-US" sz="2000" dirty="0"/>
          </a:p>
          <a:p>
            <a:endParaRPr lang="en-IN" sz="2000" dirty="0"/>
          </a:p>
        </p:txBody>
      </p:sp>
    </p:spTree>
    <p:extLst>
      <p:ext uri="{BB962C8B-B14F-4D97-AF65-F5344CB8AC3E}">
        <p14:creationId xmlns:p14="http://schemas.microsoft.com/office/powerpoint/2010/main" val="16432347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9C040F-4527-447F-9F38-94DC2AC83D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9BB4B9-A087-474E-8292-D374C22C45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971503"/>
          </a:xfrm>
        </p:spPr>
        <p:txBody>
          <a:bodyPr>
            <a:normAutofit/>
          </a:bodyPr>
          <a:lstStyle/>
          <a:p>
            <a:r>
              <a:rPr lang="en-US" sz="2000" b="1" dirty="0"/>
              <a:t>Python: </a:t>
            </a:r>
            <a:r>
              <a:rPr lang="en-US" sz="2000" dirty="0"/>
              <a:t>For coding Schemas &amp; in Django Framework.</a:t>
            </a:r>
            <a:endParaRPr lang="en-US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CCA3E28-05AD-497D-A42D-3F55D161E7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63851" y="3762355"/>
            <a:ext cx="2664296" cy="26642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56756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087DA3-2E61-4D2F-9047-0165080C8C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23A58A-3E37-466A-B9A9-5788E70B781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5"/>
            <a:ext cx="11029615" cy="794222"/>
          </a:xfrm>
        </p:spPr>
        <p:txBody>
          <a:bodyPr>
            <a:normAutofit/>
          </a:bodyPr>
          <a:lstStyle/>
          <a:p>
            <a:r>
              <a:rPr lang="en-US" sz="2000" b="1" dirty="0"/>
              <a:t>Django: </a:t>
            </a:r>
            <a:r>
              <a:rPr lang="en-US" sz="2000" dirty="0"/>
              <a:t>For connection Database, Back-End &amp; Front-End in order to make a web-app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1FBF417-214A-45B5-9EF4-9B4EF443D0F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69973" y="3722914"/>
            <a:ext cx="3911509" cy="177973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D2CA6DE-9CF5-41DE-9C80-F0D753810C69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354629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75628F-E513-4BC1-BA30-C28DAC19F6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6"/>
            <a:ext cx="11029616" cy="1100598"/>
          </a:xfrm>
        </p:spPr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00F561-E5CE-4AF1-A245-E45FA3914B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240280"/>
            <a:ext cx="11029615" cy="1188720"/>
          </a:xfrm>
        </p:spPr>
        <p:txBody>
          <a:bodyPr>
            <a:normAutofit/>
          </a:bodyPr>
          <a:lstStyle/>
          <a:p>
            <a:r>
              <a:rPr lang="en-US" sz="1800" b="1" dirty="0"/>
              <a:t>GitHub:</a:t>
            </a:r>
            <a:r>
              <a:rPr lang="en-US" sz="1800" dirty="0"/>
              <a:t> To Be Easily able to contribute to the code by team members &amp; To Organize our Code as we make        		   Progress.</a:t>
            </a:r>
            <a:endParaRPr lang="en-IN" sz="1800" dirty="0"/>
          </a:p>
          <a:p>
            <a:endParaRPr lang="en-IN" sz="18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6185DF-D108-4952-B1FB-611E2F2B2B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50498" y="3047798"/>
            <a:ext cx="3091002" cy="330168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2B94337-97B8-42E1-B7A6-E46F7252DAE0}"/>
              </a:ext>
            </a:extLst>
          </p:cNvPr>
          <p:cNvSpPr txBox="1"/>
          <p:nvPr/>
        </p:nvSpPr>
        <p:spPr>
          <a:xfrm>
            <a:off x="7856376" y="1802754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832707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C0FC41-FB4E-48F6-92CB-FC912F46F3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Software Requirement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DC4B96-E49F-42F9-8F1E-C16221560D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915520"/>
          </a:xfrm>
        </p:spPr>
        <p:txBody>
          <a:bodyPr>
            <a:normAutofit/>
          </a:bodyPr>
          <a:lstStyle/>
          <a:p>
            <a:r>
              <a:rPr lang="en-US" sz="2000" b="1" dirty="0"/>
              <a:t>Text-Editors: </a:t>
            </a:r>
            <a:r>
              <a:rPr lang="en-US" sz="2000" dirty="0"/>
              <a:t>For Coding with Ease.</a:t>
            </a:r>
            <a:endParaRPr lang="en-IN" sz="2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39B9B64-8984-4DB3-B442-E4C54E2A06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3648" y="3813281"/>
            <a:ext cx="2058969" cy="148426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2829586-8BD2-4642-897F-D75A163B863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4471" y="3772837"/>
            <a:ext cx="2382353" cy="156515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56ED424-CF41-4393-9790-C0FDA62A65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21730" y="3717032"/>
            <a:ext cx="1855069" cy="185506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7077DEA-3091-4F37-88CF-B131C6606FB9}"/>
              </a:ext>
            </a:extLst>
          </p:cNvPr>
          <p:cNvSpPr txBox="1"/>
          <p:nvPr/>
        </p:nvSpPr>
        <p:spPr>
          <a:xfrm>
            <a:off x="7809722" y="1890876"/>
            <a:ext cx="200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.</a:t>
            </a:r>
            <a:endParaRPr lang="en-IN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124009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Qcm8iLCJJc1BsdXNFZGl0aW9uIjp0cnVlLCJJc1Byb0VkaXRpb24iOnRydWV9LCJFZmZlY3QiOjA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iwiRm9udE5hbWUiOiJDYWxpYnJpIiwiSXNCb2xkIjpmYWxz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IwMTgtMDgtMDJUMjM6NTk6MDBaIiwiRW5kRGF0ZSI6IjIwMjEtMDQtMTZUMjM6NTk6MDAiLCJGb3JtYXQiOiJNTU0iLCJUeXBlIjoyLCJBdXRvRGF0ZVJhbmdlIjp0cnVlLCJXb3JraW5nRGF5cyI6MzEsIlRvZGF5TWFya2VyVGV4dCI6IlRvZGF5IiwiQXV0b1NjYWxlVHlwZSI6dHJ1ZX0sIk1pbGVzdG9uZXMiOltdLCJUYXNrcyI6W3siJGlkIjoiMTYzIiwiR3JvdXBOYW1lIjpudWxsLCJTdGFydERhdGUiOiIyMDIxLTAxLTMxVDE1OjU0OjAwWiIsIkVuZERhdGUiOiIyMDIxLTAyLTEzVDIzOjU5OjAwWiIsIlBlcmNlbnRhZ2VDb21wbGV0ZSI6bnVsbCwiU3R5bGUiOnsiJGlkIjoiMTY0IiwiU2hhcGUiOjMsIlNoYXBlVGhpY2tuZXNzIjoz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pZCI6IjE3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4MyIsIkxpbmVDb2xvciI6bnVsbCwiTGluZVdlaWdodCI6MC4wLCJMaW5lVHlwZSI6MCwiUGFyZW50U3R5bGUiOm51bGx9LCJQYXJlbnRTdHlsZSI6bnVsbH0sIkRhdGVTdHlsZSI6eyIkaWQiOiIxODQiLCJGb250U2V0dGluZ3MiOnsiJGlkIjoiMTg1IiwiRm9udFNpemUiOjEwLCJGb250TmFtZSI6IkNhbGlicmkiLCJJc0JvbGQiOmZhbHNlLCJJc0l0YWxpYyI6ZmFsc2UsIklzVW5kZXJsaW5lZCI6ZmFsc2UsIlBhcmVudFN0eWxlIjpudWxsfSwiQXV0b1NpemUiOjAsIkZvcmVncm91bmQiOnsiJGlkIjoiMTg2IiwiQ29sb3IiOnsiJGlkIjoiMT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QiLCJMaW5lQ29sb3IiOm51bGwsIkxpbmVXZWlnaHQiOjAuMCwiTGluZVR5cGUiOjAsIlBhcmVudFN0eWxlIjpudWxsfSwiUGFyZW50U3R5bGUiOm51bGx9LCJEdXJhdGlvblN0eWxlIjp7IiRpZCI6IjE5NSIsIkZvbnRTZXR0aW5ncyI6eyIkaWQiOiIxOTYiLCJGb250U2l6ZSI6MTAsIkZvbnROYW1lIjoiQ2FsaWJyaSIsIklzQm9sZCI6ZmFsc2UsIklzSXRhbGljIjpmYWxzZSwiSXNVbmRlcmxpbmVkIjpmYWxzZSwiUGFyZW50U3R5bGUiOm51bGx9LCJBdXRvU2l6ZSI6MCwiRm9yZWdyb3VuZCI6eyIkaWQiOiIxOTciLCJDb2xvciI6eyIkaWQiOiIxO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E1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FlMDYwN2ZjLWU5YzItNDM1Yy1iZjI3LTQ4ODZjNWQ0ZTQxYiIsIkltcG9ydElkIjpudWxsLCJUaXRsZSI6IlN0YXJ0IENvZGluZyAoc3RhdGVyIHByb2plY3QpIiwiTm90ZSI6bnVsbCwiSHlwZXJsaW5rIjp7IiRpZCI6IjIxNiIsIkFkZHJlc3MiOiIiLCJTdWJBZGRyZXNzIjoiIn0sIklzQ2hhbmdlZCI6ZmFsc2UsIklzTmV3IjpmYWxzZX0seyIkaWQiOiIyMTciLCJHcm91cE5hbWUiOm51bGwsIlN0YXJ0RGF0ZSI6IjIwMjEtMDItMTVUMDA6MDA6MDBaIiwiRW5kRGF0ZSI6IjIwMjEtMDMtMDNUMjM6NTk6MDBaIiwiUGVyY2VudGFnZUNvbXBsZXRlIjpudWxsLCJTdHlsZSI6eyIkaWQiOiIyMTgiLCJTaGFwZSI6MywiU2hhcGVUaGlja25lc3MiOjE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GlkIjoiMjI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3IiwiTGluZUNvbG9yIjpudWxsLCJMaW5lV2VpZ2h0IjowLjAsIkxpbmVUeXBlIjowLCJQYXJlbnRTdHlsZSI6bnVsbH0sIlBhcmVudFN0eWxlIjpudWxsfSwiRGF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mNmUyY2M2ZC00NjE1LTRjY2MtYTIxMC1jOWIxY2VmZTIxNzAiLCJJbXBvcnRJZCI6bnVsbCwiVGl0bGUiOiJGcm9udCAtIEVuZCBDb2RpbmciLCJOb3RlIjpudWxsLCJIeXBlcmxpbmsiOnsiJGlkIjoiMjQzIiwiQWRkcmVzcyI6IiIsIlN1YkFkZHJlc3MiOiIifSwiSXNDaGFuZ2VkIjpmYWxzZSwiSXNOZXciOmZhbHNlfSx7IiRpZCI6IjI0NCIsIkdyb3VwTmFtZSI6bnVsbCwiU3RhcnREYXRlIjoiMjAyMS0wMy0wNFQwMDowMDowMFoiLCJFbmREYXRlIjoiMjAyMS0wMy0wOVQyMzo1OTowMFoiLCJQZXJjZW50YWdlQ29tcGxldGUiOm51bGwsIlN0eWxlIjp7IiRpZCI6IjI0NSIsIlNoYXBlIjoz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k4In0sIkxpbmVXZWlnaHQiOjEuMCwiTGluZVR5cGUiOjAsIlBhcmVudFN0eWxlIjpudWxsfSwiVmVydGljYWxDb25uZWN0b3JTdHlsZSI6eyIkaWQiOiIyNTUiLCJMaW5lQ29sb3IiOnsiJHJlZiI6IjEwMSJ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yNTYiLCJNYXJnaW4iOnsiJHJlZiI6IjEwNCJ9LCJQYWRkaW5nIjp7IiRyZWYiOiIxMDUifSwiQmFja2dyb3VuZCI6eyIkaWQiOiIyNTciLCJDb2xvciI6eyIkaWQiOiIyNTgiLCJBIjoyNTUsIlIiOjkxLCJHIjoxNTUsIkIiOjIxM3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iwiRm9udE5hbWUiOiJUaW1lcyBOZXcgUm9tYW4iLCJJc0JvbGQiOmZhbHNlLCJJc0l0YWxpYyI6ZmFsc2UsIklzVW5kZXJsaW5lZCI6ZmFsc2UsIlBhcmVudFN0eWxlIjpudWxsfSwiQXV0b1NpemUiOjAsIkZvcmVncm91bmQiOnsiJGlkIjoiMjYyIiwiQ29sb3IiOnsiJGlkIjoiMjY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C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5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aWQiOiIy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k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k4In0sIkxpbmVXZWlnaHQiOjEuMCwiTGluZVR5cGUiOjAsIlBhcmVudFN0eWxlIjpudWxsfSwiVmVydGljYWxDb25uZWN0b3JTdHlsZSI6eyIkaWQiOiIzMDkiLCJMaW5lQ29sb3IiOnsiJHJlZiI6IjEwMSJ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z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AyYmNkNjQzLWY4NzUtNGEzNS1hNWJiLTE5YWFiMmZmZDMyMSIsIkltcG9ydElkIjpudWxsLCJUaXRsZSI6IkJhY2sgLSBFbmQgQ29kaW5nIChQYXJ0IC0yKSAoSGVsZCBhbiBFbGVjdGlvbiBPbmxpbmUpIiwiTm90ZSI6bnVsbCwiSHlwZXJsaW5rIjp7IiRpZCI6IjMyNCIsIkFkZHJlc3MiOiIiLCJTdWJBZGRyZXNzIjoiIn0sIklzQ2hhbmdlZCI6ZmFsc2UsIklzTmV3IjpmYWxzZX0seyIkaWQiOiIzMjUiLCJHcm91cE5hbWUiOm51bGwsIlN0YXJ0RGF0ZSI6IjIwMjEtMDQtMTBUMDA6MDA6MDBaIiwiRW5kRGF0ZSI6IjIwMjEtMDQtMTZUMjM6NTk6MDBaIiwiUGVyY2VudGFnZUNvbXBsZXRlIjpudWxsLCJTdHlsZSI6eyIkaWQiOiIzMjYiLCJTaGFwZSI6My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5IiwiTGluZUNvbG9yIjpudWxsLCJMaW5lV2VpZ2h0IjowLjAsIkxpbmVUeXBlIjowLCJQYXJlbnRTdHlsZSI6bnVsbH0sIlBhcmVudFN0eWxlIjpudWxsfSwiRHVyYXRpb25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1IiwiTGluZUNvbG9yIjpudWxsLCJMaW5lV2VpZ2h0IjowLjAsIkxpbmVUeXBlIjowLCJQYXJlbnRTdHlsZSI6bnVsbH0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aWQiOiIzNDgiLCJDb2xvciI6eyIkaWQiOiIzN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1MC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1NiIsIlVzZVRpbWUiOmZhbHNlLCJXb3JrRGF5U3RhcnQiOiIwMDowMDowMCIsIldvcmtEYXlFbmQiOiIyMzo1OTowMCJ9LCJMYXN0VXNlZFRlbXBsYXRlSWQiOiI2MjdiY2FkZi0zOWFiLTQ0ZGQtODMzOS1jMzNmMmQxM2I5OW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ividendVTI">
  <a:themeElements>
    <a:clrScheme name="Blue II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Dividend">
      <a:majorFont>
        <a:latin typeface="Franklin Gothic Demi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videndVTI" id="{97558BDE-0B66-457C-BB6F-7B1B22DAA9B8}" vid="{F53508A3-AC60-448A-AF37-934D5F1A0D5E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71af3243-3dd4-4a8d-8c0d-dd76da1f02a5">Not started</Status>
    <MediaServiceKeyPoints xmlns="71af3243-3dd4-4a8d-8c0d-dd76da1f02a5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2" ma:contentTypeDescription="Create a new document." ma:contentTypeScope="" ma:versionID="a410dd7f93c95333ffa1b60ed6adedd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a936d9baba76aa3866493feff160faab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27BD4C1-B6B1-4715-ABF9-E660A51A4EA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8D289AE2-D2AE-49D1-AFAC-3A79F6794255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customXml/itemProps3.xml><?xml version="1.0" encoding="utf-8"?>
<ds:datastoreItem xmlns:ds="http://schemas.openxmlformats.org/officeDocument/2006/customXml" ds:itemID="{41E7CA09-9778-4414-AE97-8064B12DA30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{180098AF-58ED-4166-B8DD-443ECD5EED2B}tf33552983_win32</Template>
  <TotalTime>89</TotalTime>
  <Words>502</Words>
  <Application>Microsoft Office PowerPoint</Application>
  <PresentationFormat>Widescreen</PresentationFormat>
  <Paragraphs>95</Paragraphs>
  <Slides>1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3" baseType="lpstr">
      <vt:lpstr>Calibri</vt:lpstr>
      <vt:lpstr>Franklin Gothic Book</vt:lpstr>
      <vt:lpstr>Franklin Gothic Demi</vt:lpstr>
      <vt:lpstr>Times New Roman</vt:lpstr>
      <vt:lpstr>Wingdings 2</vt:lpstr>
      <vt:lpstr>DividendVTI</vt:lpstr>
      <vt:lpstr>E-Voting</vt:lpstr>
      <vt:lpstr>Problem statement</vt:lpstr>
      <vt:lpstr>General Hypothesis</vt:lpstr>
      <vt:lpstr>General Hypothesis</vt:lpstr>
      <vt:lpstr>Proposed Hypothesis</vt:lpstr>
      <vt:lpstr>Software Requirements</vt:lpstr>
      <vt:lpstr>Software Requirements</vt:lpstr>
      <vt:lpstr>Software Requirements</vt:lpstr>
      <vt:lpstr>Software Requirements</vt:lpstr>
      <vt:lpstr>Software Requirements</vt:lpstr>
      <vt:lpstr>PowerPoint Presentation</vt:lpstr>
      <vt:lpstr>Prototypes For Front-End</vt:lpstr>
      <vt:lpstr>Prototypes For Front-End</vt:lpstr>
      <vt:lpstr>Prototypes For Front-End</vt:lpstr>
      <vt:lpstr>Roles Of Each Group Member</vt:lpstr>
      <vt:lpstr> Expected Outcome </vt:lpstr>
      <vt:lpstr>Thank You 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-Voting</dc:title>
  <dc:creator>tanmay damle</dc:creator>
  <cp:lastModifiedBy>tanmay damle</cp:lastModifiedBy>
  <cp:revision>22</cp:revision>
  <dcterms:created xsi:type="dcterms:W3CDTF">2021-03-23T15:54:29Z</dcterms:created>
  <dcterms:modified xsi:type="dcterms:W3CDTF">2021-03-23T17:24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